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3F8AF54" w14:textId="77777777" w:rsidR="007C5061" w:rsidRDefault="005A0374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13F8AF79" wp14:editId="13F8AF7A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13F8AF55" w14:textId="77777777" w:rsidR="007C5061" w:rsidRDefault="007C5061"/>
    <w:p w14:paraId="13F8AF56" w14:textId="77777777" w:rsidR="007C5061" w:rsidRDefault="007C5061"/>
    <w:p w14:paraId="13F8AF57" w14:textId="77777777" w:rsidR="007C5061" w:rsidRDefault="00B04EB0">
      <w:pPr>
        <w:pStyle w:val="Date"/>
        <w:tabs>
          <w:tab w:val="right" w:pos="9648"/>
        </w:tabs>
      </w:pPr>
      <w:bookmarkStart w:id="1" w:name="Date"/>
      <w:r>
        <w:t>July 22</w:t>
      </w:r>
      <w:r w:rsidR="00500C7F">
        <w:t>, 2016</w:t>
      </w:r>
    </w:p>
    <w:bookmarkEnd w:id="1"/>
    <w:p w14:paraId="13F8AF58" w14:textId="77777777" w:rsidR="007C5061" w:rsidRDefault="005A0374">
      <w:pPr>
        <w:tabs>
          <w:tab w:val="right" w:pos="9648"/>
        </w:tabs>
      </w:pPr>
      <w:r>
        <w:tab/>
      </w:r>
      <w:bookmarkStart w:id="2" w:name="swiCMClientID"/>
      <w:r w:rsidR="00500C7F">
        <w:t>72430</w:t>
      </w:r>
      <w:r>
        <w:t>.</w:t>
      </w:r>
      <w:bookmarkStart w:id="3" w:name="swiCMMatterID"/>
      <w:r w:rsidR="00500C7F">
        <w:t>0121</w:t>
      </w:r>
    </w:p>
    <w:bookmarkEnd w:id="2"/>
    <w:bookmarkEnd w:id="3"/>
    <w:p w14:paraId="13F8AF59" w14:textId="77777777" w:rsidR="007C5061" w:rsidRDefault="007C5061"/>
    <w:p w14:paraId="13F8AF5A" w14:textId="77777777" w:rsidR="007C5061" w:rsidRDefault="00500C7F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MAIL &amp;  FEDERAL EXPRESS</w:t>
      </w:r>
    </w:p>
    <w:bookmarkEnd w:id="4"/>
    <w:p w14:paraId="13F8AF5B" w14:textId="77777777" w:rsidR="007C5061" w:rsidRDefault="007C5061"/>
    <w:p w14:paraId="13F8AF5C" w14:textId="77777777" w:rsidR="00500C7F" w:rsidRDefault="00500C7F">
      <w:bookmarkStart w:id="5" w:name="To"/>
      <w:r>
        <w:t>Steven King</w:t>
      </w:r>
    </w:p>
    <w:p w14:paraId="13F8AF5D" w14:textId="77777777" w:rsidR="00500C7F" w:rsidRDefault="00500C7F">
      <w:r>
        <w:t>Executive Director and Secretary</w:t>
      </w:r>
    </w:p>
    <w:p w14:paraId="13F8AF5E" w14:textId="77777777" w:rsidR="00500C7F" w:rsidRDefault="00500C7F">
      <w:r>
        <w:t>Washington Utilities and Transportation Commission</w:t>
      </w:r>
    </w:p>
    <w:p w14:paraId="13F8AF5F" w14:textId="77777777" w:rsidR="00500C7F" w:rsidRDefault="00500C7F">
      <w:r>
        <w:t>PO Box 47250</w:t>
      </w:r>
    </w:p>
    <w:p w14:paraId="13F8AF60" w14:textId="77777777" w:rsidR="00500C7F" w:rsidRDefault="00500C7F">
      <w:r>
        <w:t>1300 S. Evergreen Park Dr. SW</w:t>
      </w:r>
    </w:p>
    <w:p w14:paraId="13F8AF61" w14:textId="77777777" w:rsidR="007C5061" w:rsidRDefault="00500C7F">
      <w:r>
        <w:t>Olympia, WA 98504-7250</w:t>
      </w:r>
    </w:p>
    <w:bookmarkEnd w:id="5"/>
    <w:p w14:paraId="13F8AF62" w14:textId="77777777" w:rsidR="007C5061" w:rsidRDefault="007C5061"/>
    <w:p w14:paraId="13F8AF63" w14:textId="77777777" w:rsidR="007C5061" w:rsidRDefault="005A0374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500C7F" w:rsidRPr="00500C7F">
        <w:rPr>
          <w:rStyle w:val="ReLine"/>
          <w:i/>
        </w:rPr>
        <w:t>In re the Application of MEI Northwest LLC</w:t>
      </w:r>
      <w:r w:rsidR="00500C7F">
        <w:rPr>
          <w:rStyle w:val="ReLine"/>
        </w:rPr>
        <w:t>; Docket No. TS-160479</w:t>
      </w:r>
    </w:p>
    <w:p w14:paraId="13F8AF64" w14:textId="77777777" w:rsidR="00500C7F" w:rsidRDefault="00500C7F">
      <w:pPr>
        <w:ind w:left="720" w:hanging="720"/>
        <w:rPr>
          <w:rStyle w:val="ReLine"/>
        </w:rPr>
      </w:pPr>
      <w:r>
        <w:rPr>
          <w:rStyle w:val="ReLine"/>
        </w:rPr>
        <w:tab/>
        <w:t>Protest of Arrow Launch Service, Inc.</w:t>
      </w:r>
    </w:p>
    <w:bookmarkEnd w:id="6"/>
    <w:p w14:paraId="13F8AF65" w14:textId="77777777" w:rsidR="007C5061" w:rsidRDefault="007C5061"/>
    <w:p w14:paraId="13F8AF66" w14:textId="77777777" w:rsidR="007C5061" w:rsidRDefault="00500C7F">
      <w:bookmarkStart w:id="7" w:name="Salutation"/>
      <w:r>
        <w:t>Dear Mr. King:</w:t>
      </w:r>
    </w:p>
    <w:bookmarkEnd w:id="7"/>
    <w:p w14:paraId="13F8AF67" w14:textId="77777777" w:rsidR="007C5061" w:rsidRDefault="007C5061"/>
    <w:p w14:paraId="13F8AF68" w14:textId="77777777" w:rsidR="007C5061" w:rsidRDefault="00500C7F">
      <w:pPr>
        <w:pStyle w:val="BodyText"/>
      </w:pPr>
      <w:bookmarkStart w:id="8" w:name="swiBeginHere"/>
      <w:bookmarkEnd w:id="8"/>
      <w:r>
        <w:t>Enclosed please find the original</w:t>
      </w:r>
      <w:r w:rsidR="00B33113">
        <w:t xml:space="preserve"> and twelve (12) copies of the above </w:t>
      </w:r>
      <w:r>
        <w:t>document file</w:t>
      </w:r>
      <w:r w:rsidR="00B33113">
        <w:t>d today via the WUTC web portal.  As noted in the Certificate of Service, copies of this Protest are being mailed today to the applicant and its representative.</w:t>
      </w:r>
    </w:p>
    <w:p w14:paraId="13F8AF69" w14:textId="77777777" w:rsidR="00500C7F" w:rsidRDefault="00500C7F">
      <w:pPr>
        <w:pStyle w:val="BodyText"/>
      </w:pPr>
    </w:p>
    <w:p w14:paraId="13F8AF6A" w14:textId="77777777" w:rsidR="007C5061" w:rsidRDefault="00500C7F">
      <w:pPr>
        <w:keepNext/>
      </w:pPr>
      <w:bookmarkStart w:id="9" w:name="Closing"/>
      <w:r>
        <w:t>Yours truly,</w:t>
      </w:r>
    </w:p>
    <w:bookmarkEnd w:id="9"/>
    <w:p w14:paraId="13F8AF6B" w14:textId="77777777" w:rsidR="007C5061" w:rsidRDefault="007C5061">
      <w:pPr>
        <w:keepNext/>
      </w:pPr>
    </w:p>
    <w:p w14:paraId="13F8AF6C" w14:textId="77777777" w:rsidR="00500C7F" w:rsidRDefault="00500C7F" w:rsidP="00500C7F">
      <w:pPr>
        <w:keepNext/>
      </w:pPr>
      <w:bookmarkStart w:id="10" w:name="Includeesig"/>
      <w:bookmarkEnd w:id="10"/>
      <w:r>
        <w:t>WILLIAMS, KASTNER &amp; GIBBS PLLC</w:t>
      </w:r>
    </w:p>
    <w:p w14:paraId="13F8AF6D" w14:textId="77777777" w:rsidR="00500C7F" w:rsidRDefault="00500C7F" w:rsidP="00500C7F">
      <w:pPr>
        <w:keepNext/>
      </w:pPr>
    </w:p>
    <w:p w14:paraId="13F8AF6E" w14:textId="77777777" w:rsidR="00500C7F" w:rsidRDefault="00500C7F" w:rsidP="00500C7F">
      <w:pPr>
        <w:keepNext/>
      </w:pPr>
    </w:p>
    <w:p w14:paraId="13F8AF6F" w14:textId="77777777" w:rsidR="00EB1696" w:rsidRDefault="00EB1696" w:rsidP="00500C7F">
      <w:pPr>
        <w:keepNext/>
      </w:pPr>
    </w:p>
    <w:p w14:paraId="13F8AF70" w14:textId="77777777" w:rsidR="00500C7F" w:rsidRDefault="00500C7F" w:rsidP="00500C7F">
      <w:pPr>
        <w:keepNext/>
      </w:pPr>
      <w:r>
        <w:t>David W. Wiley</w:t>
      </w:r>
    </w:p>
    <w:p w14:paraId="13F8AF71" w14:textId="77777777" w:rsidR="00500C7F" w:rsidRDefault="00500C7F" w:rsidP="00500C7F"/>
    <w:p w14:paraId="13F8AF72" w14:textId="77777777" w:rsidR="00500C7F" w:rsidRDefault="00500C7F" w:rsidP="00500C7F">
      <w:pPr>
        <w:keepNext/>
      </w:pPr>
    </w:p>
    <w:p w14:paraId="13F8AF73" w14:textId="77777777" w:rsidR="00500C7F" w:rsidRDefault="00500C7F" w:rsidP="00500C7F">
      <w:pPr>
        <w:keepNext/>
        <w:ind w:left="720" w:hanging="720"/>
      </w:pPr>
      <w:r>
        <w:t>Enclosures</w:t>
      </w:r>
    </w:p>
    <w:p w14:paraId="13F8AF74" w14:textId="77777777" w:rsidR="007C5061" w:rsidRDefault="007C5061">
      <w:pPr>
        <w:keepNext/>
      </w:pPr>
    </w:p>
    <w:p w14:paraId="13F8AF75" w14:textId="77777777" w:rsidR="007C5061" w:rsidRDefault="007C5061">
      <w:pPr>
        <w:keepNext/>
      </w:pPr>
      <w:bookmarkStart w:id="11" w:name="From"/>
    </w:p>
    <w:bookmarkEnd w:id="11"/>
    <w:p w14:paraId="13F8AF76" w14:textId="77777777" w:rsidR="007C5061" w:rsidRDefault="00500C7F">
      <w:pPr>
        <w:keepNext/>
        <w:ind w:left="720" w:hanging="720"/>
      </w:pPr>
      <w:r>
        <w:t>cc:</w:t>
      </w:r>
      <w:r w:rsidR="00B33113">
        <w:tab/>
        <w:t>Arrow Launch Service, Inc.</w:t>
      </w:r>
    </w:p>
    <w:p w14:paraId="13F8AF77" w14:textId="77777777" w:rsidR="007C5061" w:rsidRDefault="007C5061">
      <w:pPr>
        <w:ind w:left="720" w:hanging="720"/>
      </w:pPr>
    </w:p>
    <w:p w14:paraId="13F8AF78" w14:textId="77777777" w:rsidR="007C5061" w:rsidRDefault="007C5061"/>
    <w:sectPr w:rsidR="007C5061" w:rsidSect="00B33113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13F8AF7D" w14:textId="77777777" w:rsidR="00500C7F" w:rsidRDefault="00500C7F">
      <w:r>
        <w:separator/>
      </w:r>
    </w:p>
  </w:endnote>
  <w:endnote w:type="continuationSeparator" w:id="0">
    <w:p w14:paraId="13F8AF7E" w14:textId="77777777" w:rsidR="00500C7F" w:rsidRDefault="00500C7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87" w14:textId="77777777" w:rsidR="007C5061" w:rsidRDefault="007C506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88" w14:textId="77777777" w:rsidR="005A0374" w:rsidRDefault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13F8AF89" w14:textId="77777777" w:rsidR="007C5061" w:rsidRDefault="005A0374" w:rsidP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A0374">
      <w:rPr>
        <w:sz w:val="16"/>
        <w:szCs w:val="18"/>
      </w:rPr>
      <w:instrText>IF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VARIABLE "SWDocIDLocation" </w:instrText>
    </w:r>
    <w:r w:rsidRPr="005A0374">
      <w:rPr>
        <w:sz w:val="16"/>
        <w:szCs w:val="18"/>
      </w:rPr>
      <w:fldChar w:fldCharType="separate"/>
    </w:r>
    <w:r w:rsidR="005F213F">
      <w:rPr>
        <w:sz w:val="16"/>
        <w:szCs w:val="18"/>
      </w:rPr>
      <w:instrText>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= "1"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PROPERTY "SWDocID" </w:instrText>
    </w:r>
    <w:r w:rsidRPr="005A0374">
      <w:rPr>
        <w:sz w:val="16"/>
        <w:szCs w:val="18"/>
      </w:rPr>
      <w:fldChar w:fldCharType="separate"/>
    </w:r>
    <w:r w:rsidR="005F213F">
      <w:rPr>
        <w:sz w:val="16"/>
        <w:szCs w:val="18"/>
      </w:rPr>
      <w:instrText xml:space="preserve"> 5817874.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F213F">
      <w:rPr>
        <w:noProof/>
        <w:sz w:val="16"/>
        <w:szCs w:val="18"/>
      </w:rPr>
      <w:t xml:space="preserve"> 581787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8B" w14:textId="77777777" w:rsidR="005A0374" w:rsidRDefault="005A037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13F8AF8D" wp14:editId="13F8AF8E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13F8AF8C" w14:textId="77777777" w:rsidR="007C5061" w:rsidRDefault="005A0374" w:rsidP="005A037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A0374">
      <w:rPr>
        <w:sz w:val="16"/>
      </w:rPr>
      <w:instrText>IF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VARIABLE "SWDocIDLocation" </w:instrText>
    </w:r>
    <w:r w:rsidRPr="005A0374">
      <w:rPr>
        <w:sz w:val="16"/>
      </w:rPr>
      <w:fldChar w:fldCharType="separate"/>
    </w:r>
    <w:r w:rsidR="005F213F">
      <w:rPr>
        <w:sz w:val="16"/>
      </w:rPr>
      <w:instrText>1</w:instrText>
    </w:r>
    <w:r w:rsidRPr="005A0374">
      <w:rPr>
        <w:sz w:val="16"/>
      </w:rPr>
      <w:fldChar w:fldCharType="end"/>
    </w:r>
    <w:r w:rsidRPr="005A0374">
      <w:rPr>
        <w:sz w:val="16"/>
      </w:rPr>
      <w:instrText>" = "1"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PROPERTY "SWDocID" </w:instrText>
    </w:r>
    <w:r w:rsidRPr="005A0374">
      <w:rPr>
        <w:sz w:val="16"/>
      </w:rPr>
      <w:fldChar w:fldCharType="separate"/>
    </w:r>
    <w:r w:rsidR="005F213F">
      <w:rPr>
        <w:sz w:val="16"/>
      </w:rPr>
      <w:instrText xml:space="preserve"> 5817874.1</w:instrText>
    </w:r>
    <w:r w:rsidRPr="005A0374">
      <w:rPr>
        <w:sz w:val="16"/>
      </w:rPr>
      <w:fldChar w:fldCharType="end"/>
    </w:r>
    <w:r w:rsidRPr="005A037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F213F">
      <w:rPr>
        <w:noProof/>
        <w:sz w:val="16"/>
      </w:rPr>
      <w:t xml:space="preserve"> 581787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13F8AF7B" w14:textId="77777777" w:rsidR="00500C7F" w:rsidRDefault="00500C7F">
      <w:r>
        <w:separator/>
      </w:r>
    </w:p>
  </w:footnote>
  <w:footnote w:type="continuationSeparator" w:id="0">
    <w:p w14:paraId="13F8AF7C" w14:textId="77777777" w:rsidR="00500C7F" w:rsidRDefault="00500C7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7F" w14:textId="77777777" w:rsidR="007C5061" w:rsidRDefault="007C506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80" w14:textId="77777777" w:rsidR="007C5061" w:rsidRDefault="007C5061"/>
  <w:p w14:paraId="13F8AF81" w14:textId="77777777" w:rsidR="007C5061" w:rsidRDefault="00500C7F">
    <w:bookmarkStart w:id="12" w:name="ToInHeader"/>
    <w:r>
      <w:t>Steven King</w:t>
    </w:r>
    <w:bookmarkEnd w:id="12"/>
  </w:p>
  <w:p w14:paraId="13F8AF82" w14:textId="77777777" w:rsidR="007C5061" w:rsidRDefault="00CF4577">
    <w:pPr>
      <w:pStyle w:val="Header"/>
      <w:tabs>
        <w:tab w:val="clear" w:pos="4320"/>
        <w:tab w:val="clear" w:pos="8640"/>
      </w:tabs>
    </w:pPr>
    <w:fldSimple w:instr=" STYLEREF  Date  \* MERGEFORMAT ">
      <w:r w:rsidR="005F213F">
        <w:rPr>
          <w:noProof/>
        </w:rPr>
        <w:t>July 22, 2016</w:t>
      </w:r>
    </w:fldSimple>
  </w:p>
  <w:p w14:paraId="13F8AF83" w14:textId="77777777" w:rsidR="007C5061" w:rsidRDefault="005A0374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500C7F">
      <w:rPr>
        <w:rStyle w:val="PageNumber"/>
        <w:noProof/>
      </w:rPr>
      <w:t>2</w:t>
    </w:r>
    <w:r>
      <w:rPr>
        <w:rStyle w:val="PageNumber"/>
      </w:rPr>
      <w:fldChar w:fldCharType="end"/>
    </w:r>
  </w:p>
  <w:p w14:paraId="13F8AF84" w14:textId="77777777" w:rsidR="007C5061" w:rsidRDefault="007C5061">
    <w:pPr>
      <w:pStyle w:val="Header"/>
    </w:pPr>
  </w:p>
  <w:p w14:paraId="13F8AF85" w14:textId="77777777" w:rsidR="007C5061" w:rsidRDefault="007C5061">
    <w:pPr>
      <w:pStyle w:val="Header"/>
    </w:pPr>
  </w:p>
  <w:p w14:paraId="13F8AF86" w14:textId="77777777" w:rsidR="007C5061" w:rsidRDefault="007C506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8AF8A" w14:textId="77777777" w:rsidR="007C5061" w:rsidRDefault="007C506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In re the Application of MEI Northwest LLC; TS-160479`Salutation=Dear Mr. King:`ShowTitle= `StateLicensed= `ESig=False`Firm=False`IncTitle=False`IRS=False`Closing=Yours truly,`Delivery=VIA EMAIL &amp;  FEDERAL EXPRESS`Enclosure=Enclosure`Format=Regular`Location=Seattle`Notation=&lt;none&gt;`Contacts=`QuickFillOpen=`QuickFillSave=`cmdOK=OK`cmdCancel=Cancel`"/>
    <w:docVar w:name="SWCLCContacts" w:val="BCC=0;CC=0;From=0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false&lt;/AutoSalutation&gt;&lt;SignatureBlock&gt;&lt;/SignatureBlock&gt;&lt;Contacts&gt;&lt;Item&gt;&lt;DisplayName&gt;Steven King&lt;/DisplayName&gt;&lt;BlockText&gt;Executive Director and Secretary&amp;lt;p&amp;gt;Washington Utilities and Transportation Commission&amp;lt;p&amp;gt;PO Box 47250&amp;lt;p&amp;gt;1300 S. Evergreen Park Dr. SW&amp;lt;p&amp;gt;Olympia, WA 98504-7250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500C7F"/>
    <w:rsid w:val="00500C7F"/>
    <w:rsid w:val="005A0374"/>
    <w:rsid w:val="005F213F"/>
    <w:rsid w:val="007C5061"/>
    <w:rsid w:val="00B04EB0"/>
    <w:rsid w:val="00B33113"/>
    <w:rsid w:val="00CF4577"/>
    <w:rsid w:val="00EB1696"/>
    <w:rsid w:val="00FD17E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  <w14:docId w14:val="13F8AF54"/>
  <w15:docId w15:val="{49E2413B-777B-4CD8-91A5-B01F4E16C8F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Protes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07-2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73918FCE-BA6C-442B-B837-5606D141F2F2}"/>
</file>

<file path=customXml/itemProps2.xml><?xml version="1.0" encoding="utf-8"?>
<ds:datastoreItem xmlns:ds="http://schemas.openxmlformats.org/officeDocument/2006/customXml" ds:itemID="{74FBFEE5-E305-4DD8-820A-C088BA50149A}"/>
</file>

<file path=customXml/itemProps3.xml><?xml version="1.0" encoding="utf-8"?>
<ds:datastoreItem xmlns:ds="http://schemas.openxmlformats.org/officeDocument/2006/customXml" ds:itemID="{4BE874D2-49AF-4A9F-9E99-64E0B19F4A29}"/>
</file>

<file path=customXml/itemProps4.xml><?xml version="1.0" encoding="utf-8"?>
<ds:datastoreItem xmlns:ds="http://schemas.openxmlformats.org/officeDocument/2006/customXml" ds:itemID="{73F8BD88-3408-479D-93B7-DB128731E57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0</TotalTime>
  <Pages>1</Pages>
  <Words>105</Words>
  <Characters>600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0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07-22T16:21:00Z</cp:lastPrinted>
  <dcterms:created xsi:type="dcterms:W3CDTF">2016-07-25T21:19:00Z</dcterms:created>
  <dcterms:modified xsi:type="dcterms:W3CDTF">2016-07-25T21:1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17874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